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es situation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s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s'appuie sur la collecte des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propre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es situation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